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3.1）\"/>
    </mc:Choice>
  </mc:AlternateContent>
  <xr:revisionPtr revIDLastSave="0" documentId="13_ncr:1_{87C34445-F83A-451D-9D54-61F7659AF5A9}" xr6:coauthVersionLast="36" xr6:coauthVersionMax="47" xr10:uidLastSave="{00000000-0000-0000-0000-000000000000}"/>
  <bookViews>
    <workbookView xWindow="2130" yWindow="90" windowWidth="19740" windowHeight="1113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8年 2月28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9" t="s">
        <v>52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8" t="s">
        <v>38</v>
      </c>
      <c r="B4" s="20" t="s">
        <v>45</v>
      </c>
      <c r="C4" s="20"/>
      <c r="D4" s="20"/>
      <c r="E4" s="20"/>
      <c r="F4" s="20" t="s">
        <v>46</v>
      </c>
      <c r="G4" s="20"/>
      <c r="H4" s="20"/>
      <c r="I4" s="20"/>
      <c r="J4" s="20"/>
      <c r="K4" s="20"/>
      <c r="L4" s="20"/>
      <c r="M4" s="20"/>
      <c r="N4" s="20"/>
    </row>
    <row r="5" spans="1:14" ht="15" customHeight="1" x14ac:dyDescent="0.4">
      <c r="A5" s="18"/>
      <c r="B5" s="20"/>
      <c r="C5" s="20"/>
      <c r="D5" s="20"/>
      <c r="E5" s="20"/>
      <c r="F5" s="20" t="s">
        <v>47</v>
      </c>
      <c r="G5" s="20"/>
      <c r="H5" s="20"/>
      <c r="I5" s="20" t="s">
        <v>48</v>
      </c>
      <c r="J5" s="20"/>
      <c r="K5" s="20"/>
      <c r="L5" s="20" t="s">
        <v>49</v>
      </c>
      <c r="M5" s="20"/>
      <c r="N5" s="20"/>
    </row>
    <row r="6" spans="1:14" ht="15" customHeight="1" x14ac:dyDescent="0.4">
      <c r="A6" s="18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15">
        <v>1123</v>
      </c>
      <c r="C7" s="16">
        <v>17</v>
      </c>
      <c r="D7" s="17">
        <v>4</v>
      </c>
      <c r="E7" s="10">
        <v>1144</v>
      </c>
      <c r="F7" s="8">
        <v>1181</v>
      </c>
      <c r="G7" s="9">
        <v>1199</v>
      </c>
      <c r="H7" s="10">
        <v>2380</v>
      </c>
      <c r="I7" s="8">
        <v>13</v>
      </c>
      <c r="J7" s="9">
        <v>9</v>
      </c>
      <c r="K7" s="10">
        <v>22</v>
      </c>
      <c r="L7" s="8">
        <v>1194</v>
      </c>
      <c r="M7" s="9">
        <v>1208</v>
      </c>
      <c r="N7" s="10">
        <v>2402</v>
      </c>
    </row>
    <row r="8" spans="1:14" ht="18" customHeight="1" x14ac:dyDescent="0.4">
      <c r="A8" s="2" t="s">
        <v>1</v>
      </c>
      <c r="B8" s="15">
        <v>491</v>
      </c>
      <c r="C8" s="16">
        <v>6</v>
      </c>
      <c r="D8" s="17">
        <v>8</v>
      </c>
      <c r="E8" s="10">
        <v>505</v>
      </c>
      <c r="F8" s="8">
        <v>412</v>
      </c>
      <c r="G8" s="9">
        <v>390</v>
      </c>
      <c r="H8" s="10">
        <v>802</v>
      </c>
      <c r="I8" s="8">
        <v>11</v>
      </c>
      <c r="J8" s="9">
        <v>3</v>
      </c>
      <c r="K8" s="10">
        <v>14</v>
      </c>
      <c r="L8" s="8">
        <v>423</v>
      </c>
      <c r="M8" s="9">
        <v>393</v>
      </c>
      <c r="N8" s="10">
        <v>816</v>
      </c>
    </row>
    <row r="9" spans="1:14" ht="18" customHeight="1" x14ac:dyDescent="0.4">
      <c r="A9" s="2" t="s">
        <v>2</v>
      </c>
      <c r="B9" s="15">
        <v>2288</v>
      </c>
      <c r="C9" s="16">
        <v>30</v>
      </c>
      <c r="D9" s="17">
        <v>10</v>
      </c>
      <c r="E9" s="10">
        <v>2328</v>
      </c>
      <c r="F9" s="8">
        <v>2071</v>
      </c>
      <c r="G9" s="9">
        <v>2085</v>
      </c>
      <c r="H9" s="10">
        <v>4156</v>
      </c>
      <c r="I9" s="8">
        <v>30</v>
      </c>
      <c r="J9" s="9">
        <v>28</v>
      </c>
      <c r="K9" s="10">
        <v>58</v>
      </c>
      <c r="L9" s="8">
        <v>2101</v>
      </c>
      <c r="M9" s="9">
        <v>2113</v>
      </c>
      <c r="N9" s="10">
        <v>4214</v>
      </c>
    </row>
    <row r="10" spans="1:14" ht="18" customHeight="1" x14ac:dyDescent="0.4">
      <c r="A10" s="2" t="s">
        <v>3</v>
      </c>
      <c r="B10" s="15">
        <v>2305</v>
      </c>
      <c r="C10" s="16">
        <v>17</v>
      </c>
      <c r="D10" s="17">
        <v>21</v>
      </c>
      <c r="E10" s="10">
        <v>2343</v>
      </c>
      <c r="F10" s="8">
        <v>2090</v>
      </c>
      <c r="G10" s="9">
        <v>2315</v>
      </c>
      <c r="H10" s="10">
        <v>4405</v>
      </c>
      <c r="I10" s="8">
        <v>22</v>
      </c>
      <c r="J10" s="9">
        <v>24</v>
      </c>
      <c r="K10" s="10">
        <v>46</v>
      </c>
      <c r="L10" s="8">
        <v>2112</v>
      </c>
      <c r="M10" s="9">
        <v>2339</v>
      </c>
      <c r="N10" s="10">
        <v>4451</v>
      </c>
    </row>
    <row r="11" spans="1:14" ht="18" customHeight="1" x14ac:dyDescent="0.4">
      <c r="A11" s="2" t="s">
        <v>4</v>
      </c>
      <c r="B11" s="15">
        <v>1056</v>
      </c>
      <c r="C11" s="16">
        <v>11</v>
      </c>
      <c r="D11" s="17">
        <v>4</v>
      </c>
      <c r="E11" s="10">
        <v>1071</v>
      </c>
      <c r="F11" s="8">
        <v>911</v>
      </c>
      <c r="G11" s="9">
        <v>1045</v>
      </c>
      <c r="H11" s="10">
        <v>1956</v>
      </c>
      <c r="I11" s="8">
        <v>15</v>
      </c>
      <c r="J11" s="9">
        <v>15</v>
      </c>
      <c r="K11" s="10">
        <v>30</v>
      </c>
      <c r="L11" s="8">
        <v>926</v>
      </c>
      <c r="M11" s="9">
        <v>1060</v>
      </c>
      <c r="N11" s="10">
        <v>1986</v>
      </c>
    </row>
    <row r="12" spans="1:14" ht="18" customHeight="1" x14ac:dyDescent="0.4">
      <c r="A12" s="2" t="s">
        <v>5</v>
      </c>
      <c r="B12" s="15">
        <v>728</v>
      </c>
      <c r="C12" s="16">
        <v>6</v>
      </c>
      <c r="D12" s="17">
        <v>4</v>
      </c>
      <c r="E12" s="10">
        <v>738</v>
      </c>
      <c r="F12" s="8">
        <v>668</v>
      </c>
      <c r="G12" s="9">
        <v>685</v>
      </c>
      <c r="H12" s="10">
        <v>1353</v>
      </c>
      <c r="I12" s="8">
        <v>8</v>
      </c>
      <c r="J12" s="9">
        <v>8</v>
      </c>
      <c r="K12" s="10">
        <v>16</v>
      </c>
      <c r="L12" s="8">
        <v>676</v>
      </c>
      <c r="M12" s="9">
        <v>693</v>
      </c>
      <c r="N12" s="10">
        <v>1369</v>
      </c>
    </row>
    <row r="13" spans="1:14" ht="18" customHeight="1" x14ac:dyDescent="0.4">
      <c r="A13" s="2" t="s">
        <v>6</v>
      </c>
      <c r="B13" s="15">
        <v>646</v>
      </c>
      <c r="C13" s="16">
        <v>4</v>
      </c>
      <c r="D13" s="17">
        <v>4</v>
      </c>
      <c r="E13" s="10">
        <v>654</v>
      </c>
      <c r="F13" s="8">
        <v>638</v>
      </c>
      <c r="G13" s="9">
        <v>600</v>
      </c>
      <c r="H13" s="10">
        <v>1238</v>
      </c>
      <c r="I13" s="8">
        <v>6</v>
      </c>
      <c r="J13" s="9">
        <v>5</v>
      </c>
      <c r="K13" s="10">
        <v>11</v>
      </c>
      <c r="L13" s="8">
        <v>644</v>
      </c>
      <c r="M13" s="9">
        <v>605</v>
      </c>
      <c r="N13" s="10">
        <v>1249</v>
      </c>
    </row>
    <row r="14" spans="1:14" ht="18" customHeight="1" x14ac:dyDescent="0.4">
      <c r="A14" s="2" t="s">
        <v>7</v>
      </c>
      <c r="B14" s="15">
        <v>355</v>
      </c>
      <c r="C14" s="16">
        <v>16</v>
      </c>
      <c r="D14" s="17">
        <v>2</v>
      </c>
      <c r="E14" s="10">
        <v>373</v>
      </c>
      <c r="F14" s="8">
        <v>327</v>
      </c>
      <c r="G14" s="9">
        <v>396</v>
      </c>
      <c r="H14" s="10">
        <v>723</v>
      </c>
      <c r="I14" s="8">
        <v>16</v>
      </c>
      <c r="J14" s="9">
        <v>4</v>
      </c>
      <c r="K14" s="10">
        <v>20</v>
      </c>
      <c r="L14" s="8">
        <v>343</v>
      </c>
      <c r="M14" s="9">
        <v>400</v>
      </c>
      <c r="N14" s="10">
        <v>743</v>
      </c>
    </row>
    <row r="15" spans="1:14" ht="18" customHeight="1" x14ac:dyDescent="0.4">
      <c r="A15" s="2" t="s">
        <v>8</v>
      </c>
      <c r="B15" s="15">
        <v>1436</v>
      </c>
      <c r="C15" s="16">
        <v>58</v>
      </c>
      <c r="D15" s="17">
        <v>13</v>
      </c>
      <c r="E15" s="10">
        <v>1507</v>
      </c>
      <c r="F15" s="8">
        <v>1130</v>
      </c>
      <c r="G15" s="9">
        <v>1108</v>
      </c>
      <c r="H15" s="10">
        <v>2238</v>
      </c>
      <c r="I15" s="8">
        <v>55</v>
      </c>
      <c r="J15" s="9">
        <v>30</v>
      </c>
      <c r="K15" s="10">
        <v>85</v>
      </c>
      <c r="L15" s="8">
        <v>1185</v>
      </c>
      <c r="M15" s="9">
        <v>1138</v>
      </c>
      <c r="N15" s="10">
        <v>2323</v>
      </c>
    </row>
    <row r="16" spans="1:14" ht="18" customHeight="1" x14ac:dyDescent="0.4">
      <c r="A16" s="2" t="s">
        <v>9</v>
      </c>
      <c r="B16" s="15">
        <v>3300</v>
      </c>
      <c r="C16" s="16">
        <v>76</v>
      </c>
      <c r="D16" s="17">
        <v>39</v>
      </c>
      <c r="E16" s="10">
        <v>3415</v>
      </c>
      <c r="F16" s="8">
        <v>2966</v>
      </c>
      <c r="G16" s="9">
        <v>3364</v>
      </c>
      <c r="H16" s="10">
        <v>6330</v>
      </c>
      <c r="I16" s="8">
        <v>90</v>
      </c>
      <c r="J16" s="9">
        <v>73</v>
      </c>
      <c r="K16" s="10">
        <v>163</v>
      </c>
      <c r="L16" s="8">
        <v>3056</v>
      </c>
      <c r="M16" s="9">
        <v>3437</v>
      </c>
      <c r="N16" s="10">
        <v>6493</v>
      </c>
    </row>
    <row r="17" spans="1:14" ht="18" customHeight="1" x14ac:dyDescent="0.4">
      <c r="A17" s="2" t="s">
        <v>10</v>
      </c>
      <c r="B17" s="15">
        <v>1941</v>
      </c>
      <c r="C17" s="16">
        <v>62</v>
      </c>
      <c r="D17" s="17">
        <v>14</v>
      </c>
      <c r="E17" s="10">
        <v>2017</v>
      </c>
      <c r="F17" s="8">
        <v>1737</v>
      </c>
      <c r="G17" s="9">
        <v>1847</v>
      </c>
      <c r="H17" s="10">
        <v>3584</v>
      </c>
      <c r="I17" s="8">
        <v>52</v>
      </c>
      <c r="J17" s="9">
        <v>36</v>
      </c>
      <c r="K17" s="10">
        <v>88</v>
      </c>
      <c r="L17" s="8">
        <v>1789</v>
      </c>
      <c r="M17" s="9">
        <v>1883</v>
      </c>
      <c r="N17" s="10">
        <v>3672</v>
      </c>
    </row>
    <row r="18" spans="1:14" ht="18" customHeight="1" x14ac:dyDescent="0.4">
      <c r="A18" s="2" t="s">
        <v>11</v>
      </c>
      <c r="B18" s="15">
        <v>615</v>
      </c>
      <c r="C18" s="16">
        <v>4</v>
      </c>
      <c r="D18" s="17">
        <v>2</v>
      </c>
      <c r="E18" s="10">
        <v>621</v>
      </c>
      <c r="F18" s="8">
        <v>574</v>
      </c>
      <c r="G18" s="9">
        <v>527</v>
      </c>
      <c r="H18" s="10">
        <v>1101</v>
      </c>
      <c r="I18" s="8">
        <v>5</v>
      </c>
      <c r="J18" s="9">
        <v>2</v>
      </c>
      <c r="K18" s="10">
        <v>7</v>
      </c>
      <c r="L18" s="8">
        <v>579</v>
      </c>
      <c r="M18" s="9">
        <v>529</v>
      </c>
      <c r="N18" s="10">
        <v>1108</v>
      </c>
    </row>
    <row r="19" spans="1:14" ht="18" customHeight="1" x14ac:dyDescent="0.4">
      <c r="A19" s="2" t="s">
        <v>12</v>
      </c>
      <c r="B19" s="15">
        <v>2256</v>
      </c>
      <c r="C19" s="16">
        <v>49</v>
      </c>
      <c r="D19" s="17">
        <v>28</v>
      </c>
      <c r="E19" s="10">
        <v>2333</v>
      </c>
      <c r="F19" s="8">
        <v>2089</v>
      </c>
      <c r="G19" s="9">
        <v>2262</v>
      </c>
      <c r="H19" s="10">
        <v>4351</v>
      </c>
      <c r="I19" s="8">
        <v>43</v>
      </c>
      <c r="J19" s="9">
        <v>40</v>
      </c>
      <c r="K19" s="10">
        <v>83</v>
      </c>
      <c r="L19" s="8">
        <v>2132</v>
      </c>
      <c r="M19" s="9">
        <v>2302</v>
      </c>
      <c r="N19" s="10">
        <v>4434</v>
      </c>
    </row>
    <row r="20" spans="1:14" ht="18" customHeight="1" x14ac:dyDescent="0.4">
      <c r="A20" s="2" t="s">
        <v>13</v>
      </c>
      <c r="B20" s="15">
        <v>1672</v>
      </c>
      <c r="C20" s="16">
        <v>18</v>
      </c>
      <c r="D20" s="17">
        <v>15</v>
      </c>
      <c r="E20" s="10">
        <v>1705</v>
      </c>
      <c r="F20" s="8">
        <v>1862</v>
      </c>
      <c r="G20" s="9">
        <v>1957</v>
      </c>
      <c r="H20" s="10">
        <v>3819</v>
      </c>
      <c r="I20" s="8">
        <v>24</v>
      </c>
      <c r="J20" s="9">
        <v>20</v>
      </c>
      <c r="K20" s="10">
        <v>44</v>
      </c>
      <c r="L20" s="8">
        <v>1886</v>
      </c>
      <c r="M20" s="9">
        <v>1977</v>
      </c>
      <c r="N20" s="10">
        <v>3863</v>
      </c>
    </row>
    <row r="21" spans="1:14" ht="18" customHeight="1" x14ac:dyDescent="0.4">
      <c r="A21" s="2" t="s">
        <v>14</v>
      </c>
      <c r="B21" s="15">
        <v>1162</v>
      </c>
      <c r="C21" s="16">
        <v>38</v>
      </c>
      <c r="D21" s="17">
        <v>14</v>
      </c>
      <c r="E21" s="10">
        <v>1214</v>
      </c>
      <c r="F21" s="8">
        <v>1045</v>
      </c>
      <c r="G21" s="9">
        <v>1163</v>
      </c>
      <c r="H21" s="10">
        <v>2208</v>
      </c>
      <c r="I21" s="8">
        <v>39</v>
      </c>
      <c r="J21" s="9">
        <v>29</v>
      </c>
      <c r="K21" s="10">
        <v>68</v>
      </c>
      <c r="L21" s="8">
        <v>1084</v>
      </c>
      <c r="M21" s="9">
        <v>1192</v>
      </c>
      <c r="N21" s="10">
        <v>2276</v>
      </c>
    </row>
    <row r="22" spans="1:14" ht="18" customHeight="1" x14ac:dyDescent="0.4">
      <c r="A22" s="2" t="s">
        <v>15</v>
      </c>
      <c r="B22" s="15">
        <v>1023</v>
      </c>
      <c r="C22" s="16">
        <v>21</v>
      </c>
      <c r="D22" s="17">
        <v>12</v>
      </c>
      <c r="E22" s="10">
        <v>1056</v>
      </c>
      <c r="F22" s="8">
        <v>962</v>
      </c>
      <c r="G22" s="9">
        <v>1019</v>
      </c>
      <c r="H22" s="10">
        <v>1981</v>
      </c>
      <c r="I22" s="8">
        <v>30</v>
      </c>
      <c r="J22" s="9">
        <v>16</v>
      </c>
      <c r="K22" s="10">
        <v>46</v>
      </c>
      <c r="L22" s="8">
        <v>992</v>
      </c>
      <c r="M22" s="9">
        <v>1035</v>
      </c>
      <c r="N22" s="10">
        <v>2027</v>
      </c>
    </row>
    <row r="23" spans="1:14" ht="18" customHeight="1" x14ac:dyDescent="0.4">
      <c r="A23" s="2" t="s">
        <v>16</v>
      </c>
      <c r="B23" s="15">
        <v>2192</v>
      </c>
      <c r="C23" s="16">
        <v>36</v>
      </c>
      <c r="D23" s="17">
        <v>20</v>
      </c>
      <c r="E23" s="10">
        <v>2248</v>
      </c>
      <c r="F23" s="8">
        <v>2346</v>
      </c>
      <c r="G23" s="9">
        <v>2575</v>
      </c>
      <c r="H23" s="10">
        <v>4921</v>
      </c>
      <c r="I23" s="8">
        <v>42</v>
      </c>
      <c r="J23" s="9">
        <v>32</v>
      </c>
      <c r="K23" s="10">
        <v>74</v>
      </c>
      <c r="L23" s="8">
        <v>2388</v>
      </c>
      <c r="M23" s="9">
        <v>2607</v>
      </c>
      <c r="N23" s="10">
        <v>4995</v>
      </c>
    </row>
    <row r="24" spans="1:14" ht="18" customHeight="1" x14ac:dyDescent="0.4">
      <c r="A24" s="2" t="s">
        <v>17</v>
      </c>
      <c r="B24" s="15">
        <v>5312</v>
      </c>
      <c r="C24" s="16">
        <v>80</v>
      </c>
      <c r="D24" s="17">
        <v>47</v>
      </c>
      <c r="E24" s="10">
        <v>5439</v>
      </c>
      <c r="F24" s="8">
        <v>5851</v>
      </c>
      <c r="G24" s="9">
        <v>6473</v>
      </c>
      <c r="H24" s="10">
        <v>12324</v>
      </c>
      <c r="I24" s="8">
        <v>88</v>
      </c>
      <c r="J24" s="9">
        <v>64</v>
      </c>
      <c r="K24" s="10">
        <v>152</v>
      </c>
      <c r="L24" s="8">
        <v>5939</v>
      </c>
      <c r="M24" s="9">
        <v>6537</v>
      </c>
      <c r="N24" s="10">
        <v>12476</v>
      </c>
    </row>
    <row r="25" spans="1:14" ht="18" customHeight="1" x14ac:dyDescent="0.4">
      <c r="A25" s="2" t="s">
        <v>18</v>
      </c>
      <c r="B25" s="15">
        <v>2671</v>
      </c>
      <c r="C25" s="16">
        <v>25</v>
      </c>
      <c r="D25" s="17">
        <v>21</v>
      </c>
      <c r="E25" s="10">
        <v>2717</v>
      </c>
      <c r="F25" s="8">
        <v>2949</v>
      </c>
      <c r="G25" s="9">
        <v>3181</v>
      </c>
      <c r="H25" s="10">
        <v>6130</v>
      </c>
      <c r="I25" s="8">
        <v>29</v>
      </c>
      <c r="J25" s="9">
        <v>30</v>
      </c>
      <c r="K25" s="10">
        <v>59</v>
      </c>
      <c r="L25" s="8">
        <v>2978</v>
      </c>
      <c r="M25" s="9">
        <v>3211</v>
      </c>
      <c r="N25" s="10">
        <v>6189</v>
      </c>
    </row>
    <row r="26" spans="1:14" ht="18" customHeight="1" x14ac:dyDescent="0.4">
      <c r="A26" s="2" t="s">
        <v>19</v>
      </c>
      <c r="B26" s="15">
        <v>282</v>
      </c>
      <c r="C26" s="16">
        <v>2</v>
      </c>
      <c r="D26" s="17">
        <v>0</v>
      </c>
      <c r="E26" s="10">
        <v>284</v>
      </c>
      <c r="F26" s="8">
        <v>212</v>
      </c>
      <c r="G26" s="9">
        <v>209</v>
      </c>
      <c r="H26" s="10">
        <v>421</v>
      </c>
      <c r="I26" s="15">
        <v>2</v>
      </c>
      <c r="J26" s="16">
        <v>0</v>
      </c>
      <c r="K26" s="10">
        <v>2</v>
      </c>
      <c r="L26" s="8">
        <v>214</v>
      </c>
      <c r="M26" s="9">
        <v>209</v>
      </c>
      <c r="N26" s="10">
        <v>423</v>
      </c>
    </row>
    <row r="27" spans="1:14" ht="18" customHeight="1" x14ac:dyDescent="0.4">
      <c r="A27" s="2" t="s">
        <v>20</v>
      </c>
      <c r="B27" s="15">
        <v>1989</v>
      </c>
      <c r="C27" s="16">
        <v>27</v>
      </c>
      <c r="D27" s="17">
        <v>14</v>
      </c>
      <c r="E27" s="10">
        <v>2030</v>
      </c>
      <c r="F27" s="8">
        <v>2048</v>
      </c>
      <c r="G27" s="9">
        <v>2079</v>
      </c>
      <c r="H27" s="10">
        <v>4127</v>
      </c>
      <c r="I27" s="8">
        <v>23</v>
      </c>
      <c r="J27" s="9">
        <v>26</v>
      </c>
      <c r="K27" s="10">
        <v>49</v>
      </c>
      <c r="L27" s="8">
        <v>2071</v>
      </c>
      <c r="M27" s="9">
        <v>2105</v>
      </c>
      <c r="N27" s="10">
        <v>4176</v>
      </c>
    </row>
    <row r="28" spans="1:14" ht="18" customHeight="1" x14ac:dyDescent="0.4">
      <c r="A28" s="2" t="s">
        <v>21</v>
      </c>
      <c r="B28" s="15">
        <v>903</v>
      </c>
      <c r="C28" s="16">
        <v>23</v>
      </c>
      <c r="D28" s="17">
        <v>6</v>
      </c>
      <c r="E28" s="10">
        <v>932</v>
      </c>
      <c r="F28" s="8">
        <v>1046</v>
      </c>
      <c r="G28" s="9">
        <v>1022</v>
      </c>
      <c r="H28" s="10">
        <v>2068</v>
      </c>
      <c r="I28" s="8">
        <v>27</v>
      </c>
      <c r="J28" s="9">
        <v>10</v>
      </c>
      <c r="K28" s="10">
        <v>37</v>
      </c>
      <c r="L28" s="8">
        <v>1073</v>
      </c>
      <c r="M28" s="9">
        <v>1032</v>
      </c>
      <c r="N28" s="10">
        <v>2105</v>
      </c>
    </row>
    <row r="29" spans="1:14" ht="18" customHeight="1" x14ac:dyDescent="0.4">
      <c r="A29" s="2" t="s">
        <v>22</v>
      </c>
      <c r="B29" s="15">
        <v>2637</v>
      </c>
      <c r="C29" s="16">
        <v>51</v>
      </c>
      <c r="D29" s="17">
        <v>24</v>
      </c>
      <c r="E29" s="10">
        <v>2712</v>
      </c>
      <c r="F29" s="8">
        <v>2555</v>
      </c>
      <c r="G29" s="9">
        <v>2658</v>
      </c>
      <c r="H29" s="10">
        <v>5213</v>
      </c>
      <c r="I29" s="8">
        <v>62</v>
      </c>
      <c r="J29" s="9">
        <v>47</v>
      </c>
      <c r="K29" s="10">
        <v>109</v>
      </c>
      <c r="L29" s="8">
        <v>2617</v>
      </c>
      <c r="M29" s="9">
        <v>2705</v>
      </c>
      <c r="N29" s="10">
        <v>5322</v>
      </c>
    </row>
    <row r="30" spans="1:14" ht="18" customHeight="1" x14ac:dyDescent="0.4">
      <c r="A30" s="2" t="s">
        <v>23</v>
      </c>
      <c r="B30" s="15">
        <v>2603</v>
      </c>
      <c r="C30" s="16">
        <v>119</v>
      </c>
      <c r="D30" s="17">
        <v>14</v>
      </c>
      <c r="E30" s="10">
        <v>2736</v>
      </c>
      <c r="F30" s="8">
        <v>2811</v>
      </c>
      <c r="G30" s="9">
        <v>3007</v>
      </c>
      <c r="H30" s="10">
        <v>5818</v>
      </c>
      <c r="I30" s="8">
        <v>94</v>
      </c>
      <c r="J30" s="9">
        <v>46</v>
      </c>
      <c r="K30" s="10">
        <v>140</v>
      </c>
      <c r="L30" s="8">
        <v>2905</v>
      </c>
      <c r="M30" s="9">
        <v>3053</v>
      </c>
      <c r="N30" s="10">
        <v>5958</v>
      </c>
    </row>
    <row r="31" spans="1:14" ht="18" customHeight="1" x14ac:dyDescent="0.4">
      <c r="A31" s="2" t="s">
        <v>24</v>
      </c>
      <c r="B31" s="15">
        <v>1293</v>
      </c>
      <c r="C31" s="16">
        <v>23</v>
      </c>
      <c r="D31" s="17">
        <v>15</v>
      </c>
      <c r="E31" s="10">
        <v>1331</v>
      </c>
      <c r="F31" s="8">
        <v>1275</v>
      </c>
      <c r="G31" s="9">
        <v>1384</v>
      </c>
      <c r="H31" s="10">
        <v>2659</v>
      </c>
      <c r="I31" s="8">
        <v>31</v>
      </c>
      <c r="J31" s="9">
        <v>15</v>
      </c>
      <c r="K31" s="10">
        <v>46</v>
      </c>
      <c r="L31" s="8">
        <v>1306</v>
      </c>
      <c r="M31" s="9">
        <v>1399</v>
      </c>
      <c r="N31" s="10">
        <v>2705</v>
      </c>
    </row>
    <row r="32" spans="1:14" ht="18" customHeight="1" x14ac:dyDescent="0.4">
      <c r="A32" s="2" t="s">
        <v>25</v>
      </c>
      <c r="B32" s="15">
        <v>2798</v>
      </c>
      <c r="C32" s="16">
        <v>61</v>
      </c>
      <c r="D32" s="17">
        <v>29</v>
      </c>
      <c r="E32" s="10">
        <v>2888</v>
      </c>
      <c r="F32" s="8">
        <v>3184</v>
      </c>
      <c r="G32" s="9">
        <v>3241</v>
      </c>
      <c r="H32" s="10">
        <v>6425</v>
      </c>
      <c r="I32" s="8">
        <v>72</v>
      </c>
      <c r="J32" s="9">
        <v>39</v>
      </c>
      <c r="K32" s="10">
        <v>111</v>
      </c>
      <c r="L32" s="8">
        <v>3256</v>
      </c>
      <c r="M32" s="9">
        <v>3280</v>
      </c>
      <c r="N32" s="10">
        <v>6536</v>
      </c>
    </row>
    <row r="33" spans="1:14" ht="18" customHeight="1" x14ac:dyDescent="0.4">
      <c r="A33" s="2" t="s">
        <v>26</v>
      </c>
      <c r="B33" s="15">
        <v>3811</v>
      </c>
      <c r="C33" s="16">
        <v>85</v>
      </c>
      <c r="D33" s="17">
        <v>47</v>
      </c>
      <c r="E33" s="10">
        <v>3943</v>
      </c>
      <c r="F33" s="8">
        <v>3980</v>
      </c>
      <c r="G33" s="9">
        <v>4459</v>
      </c>
      <c r="H33" s="10">
        <v>8439</v>
      </c>
      <c r="I33" s="8">
        <v>117</v>
      </c>
      <c r="J33" s="9">
        <v>61</v>
      </c>
      <c r="K33" s="10">
        <v>178</v>
      </c>
      <c r="L33" s="8">
        <v>4097</v>
      </c>
      <c r="M33" s="9">
        <v>4520</v>
      </c>
      <c r="N33" s="10">
        <v>8617</v>
      </c>
    </row>
    <row r="34" spans="1:14" ht="18" customHeight="1" x14ac:dyDescent="0.4">
      <c r="A34" s="2" t="s">
        <v>27</v>
      </c>
      <c r="B34" s="15">
        <v>2208</v>
      </c>
      <c r="C34" s="16">
        <v>34</v>
      </c>
      <c r="D34" s="17">
        <v>18</v>
      </c>
      <c r="E34" s="10">
        <v>2260</v>
      </c>
      <c r="F34" s="8">
        <v>2303</v>
      </c>
      <c r="G34" s="9">
        <v>2292</v>
      </c>
      <c r="H34" s="10">
        <v>4595</v>
      </c>
      <c r="I34" s="8">
        <v>36</v>
      </c>
      <c r="J34" s="9">
        <v>27</v>
      </c>
      <c r="K34" s="10">
        <v>63</v>
      </c>
      <c r="L34" s="8">
        <v>2339</v>
      </c>
      <c r="M34" s="9">
        <v>2319</v>
      </c>
      <c r="N34" s="10">
        <v>4658</v>
      </c>
    </row>
    <row r="35" spans="1:14" ht="18" customHeight="1" x14ac:dyDescent="0.4">
      <c r="A35" s="2" t="s">
        <v>28</v>
      </c>
      <c r="B35" s="15">
        <v>467</v>
      </c>
      <c r="C35" s="16">
        <v>3</v>
      </c>
      <c r="D35" s="17">
        <v>5</v>
      </c>
      <c r="E35" s="10">
        <v>475</v>
      </c>
      <c r="F35" s="8">
        <v>551</v>
      </c>
      <c r="G35" s="9">
        <v>598</v>
      </c>
      <c r="H35" s="10">
        <v>1149</v>
      </c>
      <c r="I35" s="8">
        <v>5</v>
      </c>
      <c r="J35" s="9">
        <v>3</v>
      </c>
      <c r="K35" s="10">
        <v>8</v>
      </c>
      <c r="L35" s="8">
        <v>556</v>
      </c>
      <c r="M35" s="9">
        <v>601</v>
      </c>
      <c r="N35" s="10">
        <v>1157</v>
      </c>
    </row>
    <row r="36" spans="1:14" ht="18" customHeight="1" x14ac:dyDescent="0.4">
      <c r="A36" s="2" t="s">
        <v>29</v>
      </c>
      <c r="B36" s="15">
        <v>3256</v>
      </c>
      <c r="C36" s="16">
        <v>95</v>
      </c>
      <c r="D36" s="17">
        <v>46</v>
      </c>
      <c r="E36" s="10">
        <v>3397</v>
      </c>
      <c r="F36" s="8">
        <v>3358</v>
      </c>
      <c r="G36" s="9">
        <v>3627</v>
      </c>
      <c r="H36" s="10">
        <v>6985</v>
      </c>
      <c r="I36" s="8">
        <v>103</v>
      </c>
      <c r="J36" s="9">
        <v>77</v>
      </c>
      <c r="K36" s="10">
        <v>180</v>
      </c>
      <c r="L36" s="8">
        <v>3461</v>
      </c>
      <c r="M36" s="9">
        <v>3704</v>
      </c>
      <c r="N36" s="10">
        <v>7165</v>
      </c>
    </row>
    <row r="37" spans="1:14" ht="18" customHeight="1" x14ac:dyDescent="0.4">
      <c r="A37" s="2" t="s">
        <v>30</v>
      </c>
      <c r="B37" s="15">
        <v>1823</v>
      </c>
      <c r="C37" s="16">
        <v>60</v>
      </c>
      <c r="D37" s="17">
        <v>26</v>
      </c>
      <c r="E37" s="10">
        <v>1909</v>
      </c>
      <c r="F37" s="8">
        <v>1785</v>
      </c>
      <c r="G37" s="9">
        <v>2136</v>
      </c>
      <c r="H37" s="10">
        <v>3921</v>
      </c>
      <c r="I37" s="8">
        <v>66</v>
      </c>
      <c r="J37" s="9">
        <v>48</v>
      </c>
      <c r="K37" s="10">
        <v>114</v>
      </c>
      <c r="L37" s="8">
        <v>1851</v>
      </c>
      <c r="M37" s="9">
        <v>2184</v>
      </c>
      <c r="N37" s="10">
        <v>4035</v>
      </c>
    </row>
    <row r="38" spans="1:14" ht="18" customHeight="1" x14ac:dyDescent="0.4">
      <c r="A38" s="2" t="s">
        <v>31</v>
      </c>
      <c r="B38" s="15">
        <v>4023</v>
      </c>
      <c r="C38" s="16">
        <v>142</v>
      </c>
      <c r="D38" s="17">
        <v>41</v>
      </c>
      <c r="E38" s="10">
        <v>4206</v>
      </c>
      <c r="F38" s="8">
        <v>4275</v>
      </c>
      <c r="G38" s="9">
        <v>4446</v>
      </c>
      <c r="H38" s="10">
        <v>8721</v>
      </c>
      <c r="I38" s="8">
        <v>155</v>
      </c>
      <c r="J38" s="9">
        <v>64</v>
      </c>
      <c r="K38" s="10">
        <v>219</v>
      </c>
      <c r="L38" s="8">
        <v>4430</v>
      </c>
      <c r="M38" s="9">
        <v>4510</v>
      </c>
      <c r="N38" s="10">
        <v>8940</v>
      </c>
    </row>
    <row r="39" spans="1:14" ht="18" customHeight="1" x14ac:dyDescent="0.4">
      <c r="A39" s="2" t="s">
        <v>32</v>
      </c>
      <c r="B39" s="15">
        <v>1491</v>
      </c>
      <c r="C39" s="16">
        <v>29</v>
      </c>
      <c r="D39" s="17">
        <v>14</v>
      </c>
      <c r="E39" s="10">
        <v>1534</v>
      </c>
      <c r="F39" s="8">
        <v>1718</v>
      </c>
      <c r="G39" s="9">
        <v>1901</v>
      </c>
      <c r="H39" s="10">
        <v>3619</v>
      </c>
      <c r="I39" s="8">
        <v>28</v>
      </c>
      <c r="J39" s="9">
        <v>24</v>
      </c>
      <c r="K39" s="10">
        <v>52</v>
      </c>
      <c r="L39" s="8">
        <v>1746</v>
      </c>
      <c r="M39" s="9">
        <v>1925</v>
      </c>
      <c r="N39" s="10">
        <v>3671</v>
      </c>
    </row>
    <row r="40" spans="1:14" ht="18" customHeight="1" x14ac:dyDescent="0.4">
      <c r="A40" s="2" t="s">
        <v>33</v>
      </c>
      <c r="B40" s="15">
        <v>479</v>
      </c>
      <c r="C40" s="16">
        <v>11</v>
      </c>
      <c r="D40" s="17">
        <v>10</v>
      </c>
      <c r="E40" s="10">
        <v>500</v>
      </c>
      <c r="F40" s="8">
        <v>511</v>
      </c>
      <c r="G40" s="9">
        <v>585</v>
      </c>
      <c r="H40" s="10">
        <v>1096</v>
      </c>
      <c r="I40" s="8">
        <v>11</v>
      </c>
      <c r="J40" s="9">
        <v>14</v>
      </c>
      <c r="K40" s="10">
        <v>25</v>
      </c>
      <c r="L40" s="8">
        <v>522</v>
      </c>
      <c r="M40" s="9">
        <v>599</v>
      </c>
      <c r="N40" s="10">
        <v>1121</v>
      </c>
    </row>
    <row r="41" spans="1:14" ht="18" customHeight="1" x14ac:dyDescent="0.4">
      <c r="A41" s="2" t="s">
        <v>34</v>
      </c>
      <c r="B41" s="15">
        <v>1182</v>
      </c>
      <c r="C41" s="16">
        <v>14</v>
      </c>
      <c r="D41" s="17">
        <v>8</v>
      </c>
      <c r="E41" s="10">
        <v>1204</v>
      </c>
      <c r="F41" s="8">
        <v>1190</v>
      </c>
      <c r="G41" s="9">
        <v>1257</v>
      </c>
      <c r="H41" s="10">
        <v>2447</v>
      </c>
      <c r="I41" s="8">
        <v>11</v>
      </c>
      <c r="J41" s="9">
        <v>14</v>
      </c>
      <c r="K41" s="10">
        <v>25</v>
      </c>
      <c r="L41" s="8">
        <v>1201</v>
      </c>
      <c r="M41" s="9">
        <v>1271</v>
      </c>
      <c r="N41" s="10">
        <v>2472</v>
      </c>
    </row>
    <row r="42" spans="1:14" ht="18" customHeight="1" x14ac:dyDescent="0.4">
      <c r="A42" s="2" t="s">
        <v>35</v>
      </c>
      <c r="B42" s="15">
        <v>1176</v>
      </c>
      <c r="C42" s="16">
        <v>16</v>
      </c>
      <c r="D42" s="17">
        <v>5</v>
      </c>
      <c r="E42" s="10">
        <v>1197</v>
      </c>
      <c r="F42" s="8">
        <v>1374</v>
      </c>
      <c r="G42" s="9">
        <v>1434</v>
      </c>
      <c r="H42" s="10">
        <v>2808</v>
      </c>
      <c r="I42" s="8">
        <v>19</v>
      </c>
      <c r="J42" s="9">
        <v>6</v>
      </c>
      <c r="K42" s="10">
        <v>25</v>
      </c>
      <c r="L42" s="8">
        <v>1393</v>
      </c>
      <c r="M42" s="9">
        <v>1440</v>
      </c>
      <c r="N42" s="10">
        <v>2833</v>
      </c>
    </row>
    <row r="43" spans="1:14" ht="18" customHeight="1" x14ac:dyDescent="0.4">
      <c r="A43" s="2" t="s">
        <v>36</v>
      </c>
      <c r="B43" s="15">
        <v>1150</v>
      </c>
      <c r="C43" s="16">
        <v>55</v>
      </c>
      <c r="D43" s="17">
        <v>9</v>
      </c>
      <c r="E43" s="10">
        <v>1214</v>
      </c>
      <c r="F43" s="8">
        <v>1253</v>
      </c>
      <c r="G43" s="9">
        <v>1226</v>
      </c>
      <c r="H43" s="10">
        <v>2479</v>
      </c>
      <c r="I43" s="8">
        <v>30</v>
      </c>
      <c r="J43" s="9">
        <v>43</v>
      </c>
      <c r="K43" s="10">
        <v>73</v>
      </c>
      <c r="L43" s="8">
        <v>1283</v>
      </c>
      <c r="M43" s="9">
        <v>1269</v>
      </c>
      <c r="N43" s="10">
        <v>2552</v>
      </c>
    </row>
    <row r="44" spans="1:14" ht="18" customHeight="1" x14ac:dyDescent="0.4">
      <c r="A44" s="2" t="s">
        <v>37</v>
      </c>
      <c r="B44" s="15">
        <v>159</v>
      </c>
      <c r="C44" s="16">
        <v>3</v>
      </c>
      <c r="D44" s="17">
        <v>0</v>
      </c>
      <c r="E44" s="10">
        <v>162</v>
      </c>
      <c r="F44" s="8">
        <v>107</v>
      </c>
      <c r="G44" s="9">
        <v>176</v>
      </c>
      <c r="H44" s="10">
        <v>283</v>
      </c>
      <c r="I44" s="8">
        <v>2</v>
      </c>
      <c r="J44" s="9">
        <v>5</v>
      </c>
      <c r="K44" s="10">
        <v>7</v>
      </c>
      <c r="L44" s="8">
        <v>109</v>
      </c>
      <c r="M44" s="9">
        <v>181</v>
      </c>
      <c r="N44" s="10">
        <v>290</v>
      </c>
    </row>
    <row r="45" spans="1:14" ht="18" customHeight="1" x14ac:dyDescent="0.4">
      <c r="A45" s="2"/>
      <c r="B45" s="15"/>
      <c r="C45" s="16"/>
      <c r="D45" s="17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15"/>
      <c r="C46" s="16"/>
      <c r="D46" s="17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15"/>
      <c r="C47" s="16"/>
      <c r="D47" s="17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15"/>
      <c r="C48" s="16"/>
      <c r="D48" s="17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6302</v>
      </c>
      <c r="C52" s="9">
        <v>1427</v>
      </c>
      <c r="D52" s="14">
        <v>613</v>
      </c>
      <c r="E52" s="10">
        <v>68342</v>
      </c>
      <c r="F52" s="8">
        <v>67345</v>
      </c>
      <c r="G52" s="9">
        <v>71928</v>
      </c>
      <c r="H52" s="10">
        <v>139273</v>
      </c>
      <c r="I52" s="8">
        <v>1512</v>
      </c>
      <c r="J52" s="9">
        <v>1037</v>
      </c>
      <c r="K52" s="10">
        <v>2549</v>
      </c>
      <c r="L52" s="8">
        <v>68857</v>
      </c>
      <c r="M52" s="9">
        <v>72965</v>
      </c>
      <c r="N52" s="10">
        <v>141822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4-11-05T06:01:44Z</cp:lastPrinted>
  <dcterms:created xsi:type="dcterms:W3CDTF">2019-11-13T09:53:37Z</dcterms:created>
  <dcterms:modified xsi:type="dcterms:W3CDTF">2026-03-03T07:24:57Z</dcterms:modified>
</cp:coreProperties>
</file>